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Dobrý den, 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potvrzuji přijetí spotřeby ze dne </w:t>
      </w:r>
      <w:proofErr w:type="gramStart"/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15.09.2025</w:t>
      </w:r>
      <w:proofErr w:type="gramEnd"/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; bude fakturovaná částkou 91.129,13,- Kč bez DPH a 102.064,63,- Kč s DPH 12%. 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V příloze zasílám fakturu. 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S pozdravem a přáním hezkého dne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23442E" w:rsidRPr="0023442E" w:rsidRDefault="0085170A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C8102E"/>
          <w:sz w:val="26"/>
          <w:szCs w:val="26"/>
          <w:lang w:val="en-US" w:eastAsia="cs-CZ"/>
          <w14:ligatures w14:val="standardContextual"/>
        </w:rPr>
        <w:t>XXXXXXXXXXXX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LOGISTIC SPECIALIST LIMA CZ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Calibri Light" w:eastAsia="Times New Roman" w:hAnsi="Calibri Light" w:cs="Calibri Light"/>
          <w:color w:val="4D4D4F"/>
          <w:sz w:val="10"/>
          <w:szCs w:val="10"/>
          <w:lang w:val="en-US" w:eastAsia="cs-CZ"/>
          <w14:ligatures w14:val="standardContextual"/>
        </w:rPr>
        <w:t> </w:t>
      </w:r>
    </w:p>
    <w:p w:rsidR="0085170A" w:rsidRDefault="0085170A" w:rsidP="0023442E">
      <w:pPr>
        <w:spacing w:after="0" w:line="240" w:lineRule="auto"/>
        <w:rPr>
          <w:rFonts w:ascii="Arial" w:eastAsia="Times New Roman" w:hAnsi="Arial" w:cs="Arial"/>
          <w:color w:val="0563C1"/>
          <w:sz w:val="20"/>
          <w:szCs w:val="20"/>
          <w:u w:val="single"/>
          <w:lang w:val="en-US" w:eastAsia="cs-CZ"/>
          <w14:ligatures w14:val="standardContextual"/>
        </w:rPr>
      </w:pPr>
      <w:r>
        <w:rPr>
          <w:rFonts w:ascii="Arial" w:eastAsia="Times New Roman" w:hAnsi="Arial" w:cs="Arial"/>
          <w:color w:val="0563C1"/>
          <w:sz w:val="20"/>
          <w:szCs w:val="20"/>
          <w:u w:val="single"/>
          <w:lang w:val="en-US" w:eastAsia="cs-CZ"/>
          <w14:ligatures w14:val="standardContextual"/>
        </w:rPr>
        <w:t>XXXXXXXXXXXXX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T </w:t>
      </w:r>
      <w:r w:rsidR="0085170A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F </w:t>
      </w:r>
      <w:r w:rsidR="0085170A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M </w:t>
      </w:r>
      <w:r w:rsidR="0085170A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Calibri Light" w:eastAsia="Times New Roman" w:hAnsi="Calibri Light" w:cs="Calibri Light"/>
          <w:color w:val="4D4D4F"/>
          <w:sz w:val="10"/>
          <w:szCs w:val="10"/>
          <w:lang w:val="it-IT" w:eastAsia="cs-CZ"/>
          <w14:ligatures w14:val="standardContextual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 xml:space="preserve">Lima CZ s.r.o. 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Do Zahrádek I 157/5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155 21  Praha 5 – Třebonice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Czech republic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ajwsjybq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ajwsjybq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lang w:eastAsia="cs-CZ"/>
        </w:rPr>
        <w:t> </w:t>
      </w:r>
    </w:p>
    <w:p w:rsidR="0023442E" w:rsidRPr="0023442E" w:rsidRDefault="0023442E" w:rsidP="0023442E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23442E">
        <w:rPr>
          <w:rFonts w:ascii="Arial" w:eastAsia="Times New Roman" w:hAnsi="Arial" w:cs="Arial"/>
          <w:lang w:eastAsia="cs-CZ"/>
        </w:rPr>
        <w:t> </w:t>
      </w:r>
    </w:p>
    <w:p w:rsidR="00490218" w:rsidRPr="0023442E" w:rsidRDefault="00490218">
      <w:pPr>
        <w:rPr>
          <w:b/>
        </w:rPr>
      </w:pPr>
      <w:bookmarkStart w:id="0" w:name="_GoBack"/>
      <w:bookmarkEnd w:id="0"/>
    </w:p>
    <w:sectPr w:rsidR="00490218" w:rsidRPr="0023442E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3442E"/>
    <w:rsid w:val="0023442E"/>
    <w:rsid w:val="00490218"/>
    <w:rsid w:val="008517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23442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23442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23442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23442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23442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23442E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940018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2</Words>
  <Characters>370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3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10-07T09:32:00Z</cp:lastPrinted>
  <dcterms:created xsi:type="dcterms:W3CDTF">2025-10-07T09:35:00Z</dcterms:created>
  <dcterms:modified xsi:type="dcterms:W3CDTF">2025-10-07T09:35:00Z</dcterms:modified>
</cp:coreProperties>
</file>